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827"/>
  <workbookPr/>
  <mc:AlternateContent xmlns:mc="http://schemas.openxmlformats.org/markup-compatibility/2006">
    <mc:Choice Requires="x15">
      <x15ac:absPath xmlns:x15ac="http://schemas.microsoft.com/office/spreadsheetml/2010/11/ac" url="https://d.docs.live.net/15fd79e2ff787bf3/Documents/WONSTON/WPC TRANSFER/PLANNING/MAIN FILES/ACCOUNTS/Annual Return/2025/"/>
    </mc:Choice>
  </mc:AlternateContent>
  <xr:revisionPtr revIDLastSave="58" documentId="8_{9C92D1A6-933A-45D0-B361-427B50F8C87D}" xr6:coauthVersionLast="47" xr6:coauthVersionMax="47" xr10:uidLastSave="{4BE26BA2-AF08-4693-9444-B1E78C987F29}"/>
  <bookViews>
    <workbookView xWindow="-110" yWindow="-110" windowWidth="19420" windowHeight="10420" tabRatio="874" activeTab="2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81029"/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D16" i="7" l="1"/>
  <c r="D17" i="7"/>
  <c r="D18" i="7"/>
  <c r="D19" i="7"/>
  <c r="D20" i="7"/>
  <c r="D21" i="7"/>
  <c r="D22" i="7"/>
  <c r="D23" i="7"/>
  <c r="E6" i="12"/>
  <c r="D27" i="10"/>
  <c r="D26" i="10"/>
  <c r="D25" i="10"/>
  <c r="E34" i="1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32" i="10"/>
  <c r="B32" i="10"/>
  <c r="D31" i="10"/>
  <c r="D30" i="10"/>
  <c r="D29" i="10"/>
  <c r="D28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32" i="10"/>
  <c r="D30" i="7"/>
  <c r="E7" i="8"/>
  <c r="F7" i="8" s="1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80" uniqueCount="103">
  <si>
    <t>Total</t>
  </si>
  <si>
    <t>Explanation (Ensure each explanation is quantified)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Bal c/f checker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VAT refunded</t>
  </si>
  <si>
    <t>Allotments</t>
  </si>
  <si>
    <t>Accounting statements 2024-25</t>
  </si>
  <si>
    <t>2024/25       £</t>
  </si>
  <si>
    <t>2024/25</t>
  </si>
  <si>
    <t>2023/24      £</t>
  </si>
  <si>
    <t xml:space="preserve">PWLB loan reference PW495991 - see statements attached </t>
  </si>
  <si>
    <t xml:space="preserve">Clerk's travel expenses </t>
  </si>
  <si>
    <t>Admin</t>
  </si>
  <si>
    <t>Audit fees</t>
  </si>
  <si>
    <t>Insurance</t>
  </si>
  <si>
    <t>Tree work</t>
  </si>
  <si>
    <t>Fencing</t>
  </si>
  <si>
    <t>Accessible walkway</t>
  </si>
  <si>
    <t>New speed device</t>
  </si>
  <si>
    <t>Security gates &amp; bollards</t>
  </si>
  <si>
    <t>Grass cutting and other small R&amp;M</t>
  </si>
  <si>
    <t>Hall hire &amp; meeting expenses (higher duue to additional planning &amp; VDS meetings)</t>
  </si>
  <si>
    <t>Legal &amp; Professional (2x fllod surveys to support Local Plan objection to housing allocation)</t>
  </si>
  <si>
    <t>23/24 includes VDS costs of £657.28 re Survey Monkey, printing and meeting costs</t>
  </si>
  <si>
    <t>S137 grants</t>
  </si>
  <si>
    <t>New mower costing £16005(net) donated to Gratton Trust rather than usual £6000 grant</t>
  </si>
  <si>
    <t>VAT on purchases</t>
  </si>
  <si>
    <t>Play equipment reserve</t>
  </si>
  <si>
    <t>Flooding reserve</t>
  </si>
  <si>
    <t>Accumulating twds replacement of play area estimated at £60-80k</t>
  </si>
  <si>
    <t>Tree reserve</t>
  </si>
  <si>
    <t>Allotment reserve</t>
  </si>
  <si>
    <t>Accumulating twds replacing fence</t>
  </si>
  <si>
    <t>CIL infrasuructure funds</t>
  </si>
  <si>
    <t>Contingency</t>
  </si>
  <si>
    <t>Minimum 3mths of precept</t>
  </si>
  <si>
    <t>Burial ground</t>
  </si>
  <si>
    <t>Community Infrastructure Levy (CIL)</t>
  </si>
  <si>
    <t>Dog bin overpayment refunded by City Council</t>
  </si>
  <si>
    <t>Contribution received re fencing</t>
  </si>
  <si>
    <t>Fundraising contribution re mower</t>
  </si>
  <si>
    <t>Unidentified receipt</t>
  </si>
  <si>
    <t>Unidentified receipt - notified HMRC but no response receive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6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8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7" fillId="0" borderId="2" xfId="0" applyFont="1" applyBorder="1"/>
    <xf numFmtId="0" fontId="0" fillId="0" borderId="3" xfId="0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5" workbookViewId="0">
      <selection activeCell="D21" sqref="D21"/>
    </sheetView>
  </sheetViews>
  <sheetFormatPr defaultRowHeight="14.5" x14ac:dyDescent="0.35"/>
  <cols>
    <col min="1" max="1" width="4.1796875" customWidth="1"/>
    <col min="2" max="2" width="28.7265625" style="22" customWidth="1"/>
    <col min="3" max="6" width="16.54296875" customWidth="1"/>
    <col min="7" max="8" width="16.54296875" hidden="1" customWidth="1"/>
    <col min="9" max="9" width="77.1796875" style="24" customWidth="1"/>
    <col min="10" max="10" width="23.1796875" bestFit="1" customWidth="1"/>
  </cols>
  <sheetData>
    <row r="1" spans="2:10" ht="17.25" customHeight="1" x14ac:dyDescent="0.35">
      <c r="B1" s="26" t="s">
        <v>66</v>
      </c>
    </row>
    <row r="3" spans="2:10" ht="15" customHeight="1" x14ac:dyDescent="0.35">
      <c r="B3" s="79" t="s">
        <v>37</v>
      </c>
      <c r="C3" s="80"/>
      <c r="D3" s="80"/>
      <c r="E3" s="80"/>
      <c r="F3" s="80"/>
      <c r="G3" s="80"/>
      <c r="H3" s="80"/>
      <c r="I3" s="80"/>
    </row>
    <row r="4" spans="2:10" ht="15" customHeight="1" thickBot="1" x14ac:dyDescent="0.4"/>
    <row r="5" spans="2:10" ht="15" customHeight="1" x14ac:dyDescent="0.35">
      <c r="B5" s="27"/>
      <c r="C5" s="78" t="s">
        <v>14</v>
      </c>
      <c r="D5" s="78"/>
      <c r="E5" s="47"/>
      <c r="F5" s="47"/>
      <c r="G5" s="47"/>
      <c r="H5" s="47"/>
      <c r="I5" s="37" t="s">
        <v>15</v>
      </c>
      <c r="J5" s="42" t="s">
        <v>41</v>
      </c>
    </row>
    <row r="6" spans="2:10" ht="29" x14ac:dyDescent="0.35">
      <c r="B6" s="28"/>
      <c r="C6" s="29">
        <v>45382</v>
      </c>
      <c r="D6" s="29">
        <v>45747</v>
      </c>
      <c r="E6" s="48" t="s">
        <v>42</v>
      </c>
      <c r="F6" s="48" t="s">
        <v>43</v>
      </c>
      <c r="G6" s="48"/>
      <c r="H6" s="48"/>
      <c r="I6" s="38" t="s">
        <v>36</v>
      </c>
      <c r="J6" s="43"/>
    </row>
    <row r="7" spans="2:10" s="21" customFormat="1" ht="29" x14ac:dyDescent="0.35">
      <c r="B7" s="30" t="s">
        <v>16</v>
      </c>
      <c r="C7" s="67">
        <v>79086</v>
      </c>
      <c r="D7" s="67">
        <v>83899</v>
      </c>
      <c r="E7" s="55"/>
      <c r="F7" s="55"/>
      <c r="G7" s="50"/>
      <c r="H7" s="50"/>
      <c r="I7" s="39" t="s">
        <v>35</v>
      </c>
      <c r="J7" s="44"/>
    </row>
    <row r="8" spans="2:10" s="21" customFormat="1" ht="29" x14ac:dyDescent="0.35">
      <c r="B8" s="30" t="s">
        <v>17</v>
      </c>
      <c r="C8" s="67">
        <v>38000</v>
      </c>
      <c r="D8" s="67">
        <v>38000</v>
      </c>
      <c r="E8" s="50">
        <f>D8-C8</f>
        <v>0</v>
      </c>
      <c r="F8" s="49">
        <f>IF(AND(C8=0,D8=0),0,IF(C8=0,1,IF(D8=0,-1,(D8-C8)/C8)))</f>
        <v>0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8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5">
      <c r="B9" s="30" t="s">
        <v>19</v>
      </c>
      <c r="C9" s="67">
        <v>9508</v>
      </c>
      <c r="D9" s="67">
        <v>17538</v>
      </c>
      <c r="E9" s="50">
        <f t="shared" ref="E9:E12" si="0">D9-C9</f>
        <v>8030</v>
      </c>
      <c r="F9" s="49">
        <f t="shared" ref="F9:F12" si="1">IF(AND(C9=0,D9=0),0,IF(C9=0,1,IF(D9=0,-1,(D9-C9)/C9)))</f>
        <v>0.84455195624737067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20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5" x14ac:dyDescent="0.35">
      <c r="B10" s="31" t="s">
        <v>21</v>
      </c>
      <c r="C10" s="67">
        <v>14416</v>
      </c>
      <c r="D10" s="67">
        <v>16336</v>
      </c>
      <c r="E10" s="50">
        <f t="shared" si="0"/>
        <v>1920</v>
      </c>
      <c r="F10" s="49">
        <f t="shared" si="1"/>
        <v>0.13318534961154274</v>
      </c>
      <c r="G10" s="34" t="str">
        <f t="shared" si="2"/>
        <v>No</v>
      </c>
      <c r="H10" s="34" t="str">
        <f t="shared" si="3"/>
        <v>No</v>
      </c>
      <c r="I10" s="39" t="s">
        <v>22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9" x14ac:dyDescent="0.35">
      <c r="B11" s="31" t="s">
        <v>23</v>
      </c>
      <c r="C11" s="67">
        <v>3627</v>
      </c>
      <c r="D11" s="67">
        <v>3627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4</v>
      </c>
      <c r="J11" s="46" t="str">
        <f t="shared" si="4"/>
        <v>No explanation required</v>
      </c>
    </row>
    <row r="12" spans="2:10" ht="29" x14ac:dyDescent="0.35">
      <c r="B12" s="31" t="s">
        <v>25</v>
      </c>
      <c r="C12" s="67">
        <v>24652</v>
      </c>
      <c r="D12" s="67">
        <v>61107</v>
      </c>
      <c r="E12" s="50">
        <f t="shared" si="0"/>
        <v>36455</v>
      </c>
      <c r="F12" s="49">
        <f t="shared" si="1"/>
        <v>1.4787846827843583</v>
      </c>
      <c r="G12" s="34" t="str">
        <f t="shared" si="2"/>
        <v>No</v>
      </c>
      <c r="H12" s="34" t="str">
        <f t="shared" si="3"/>
        <v>Yes</v>
      </c>
      <c r="I12" s="39" t="s">
        <v>26</v>
      </c>
      <c r="J12" s="46" t="str">
        <f t="shared" si="4"/>
        <v>Please explain within the relevant tab</v>
      </c>
    </row>
    <row r="13" spans="2:10" ht="38.25" customHeight="1" thickBot="1" x14ac:dyDescent="0.4">
      <c r="B13" s="32" t="s">
        <v>27</v>
      </c>
      <c r="C13" s="68">
        <f>C7+C8+C9-C10-C11-C12</f>
        <v>83899</v>
      </c>
      <c r="D13" s="68">
        <f>D7+D8+D9-D10-D11-D12</f>
        <v>58367</v>
      </c>
      <c r="E13" s="56"/>
      <c r="F13" s="56"/>
      <c r="G13" s="51"/>
      <c r="H13" s="51"/>
      <c r="I13" s="40" t="s">
        <v>28</v>
      </c>
      <c r="J13" s="46" t="s">
        <v>59</v>
      </c>
    </row>
    <row r="14" spans="2:10" ht="15" thickBot="1" x14ac:dyDescent="0.4">
      <c r="B14" s="23"/>
      <c r="C14" s="52" t="s">
        <v>51</v>
      </c>
      <c r="D14" s="52" t="s">
        <v>51</v>
      </c>
      <c r="E14" s="52"/>
      <c r="F14" s="52"/>
      <c r="G14" s="52"/>
      <c r="H14" s="52"/>
      <c r="I14" s="25"/>
      <c r="J14" s="46"/>
    </row>
    <row r="15" spans="2:10" ht="29" x14ac:dyDescent="0.35">
      <c r="B15" s="33" t="s">
        <v>29</v>
      </c>
      <c r="C15" s="69">
        <v>83899</v>
      </c>
      <c r="D15" s="69">
        <v>58367</v>
      </c>
      <c r="E15" s="54"/>
      <c r="F15" s="57"/>
      <c r="G15" s="53"/>
      <c r="H15" s="53"/>
      <c r="I15" s="41" t="s">
        <v>30</v>
      </c>
      <c r="J15" s="45"/>
    </row>
    <row r="16" spans="2:10" ht="29" x14ac:dyDescent="0.35">
      <c r="B16" s="31" t="s">
        <v>31</v>
      </c>
      <c r="C16" s="67">
        <v>113169</v>
      </c>
      <c r="D16" s="67">
        <v>116612</v>
      </c>
      <c r="E16" s="50">
        <f>D16-C16</f>
        <v>3443</v>
      </c>
      <c r="F16" s="49">
        <f t="shared" ref="F16:F17" si="5">IF(AND(C16=0,D16=0),0,IF(C16=0,1,IF(D16=0,-1,(D16-C16)/C16)))</f>
        <v>3.0423525877227863E-2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2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5" thickBot="1" x14ac:dyDescent="0.4">
      <c r="B17" s="32" t="s">
        <v>33</v>
      </c>
      <c r="C17" s="70">
        <v>19230</v>
      </c>
      <c r="D17" s="70">
        <v>16327</v>
      </c>
      <c r="E17" s="51">
        <f>D17-C17</f>
        <v>-2903</v>
      </c>
      <c r="F17" s="58">
        <f t="shared" si="5"/>
        <v>-0.15096203848153927</v>
      </c>
      <c r="G17" s="35" t="str">
        <f t="shared" si="6"/>
        <v>No</v>
      </c>
      <c r="H17" s="35" t="str">
        <f t="shared" si="7"/>
        <v>Yes</v>
      </c>
      <c r="I17" s="40" t="s">
        <v>34</v>
      </c>
      <c r="J17" s="46" t="str">
        <f t="shared" si="8"/>
        <v>Please explain within the relevant tab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topLeftCell="A10" workbookViewId="0">
      <selection activeCell="F5" sqref="F5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2:6" x14ac:dyDescent="0.35">
      <c r="B1" s="15" t="s">
        <v>2</v>
      </c>
    </row>
    <row r="3" spans="2:6" x14ac:dyDescent="0.35">
      <c r="B3" s="8"/>
    </row>
    <row r="4" spans="2:6" x14ac:dyDescent="0.35">
      <c r="B4" t="s">
        <v>52</v>
      </c>
      <c r="C4" s="36">
        <f>'Accounting Statement'!C8</f>
        <v>38000</v>
      </c>
      <c r="D4" t="s">
        <v>68</v>
      </c>
      <c r="E4" s="36">
        <f>'Accounting Statement'!D8</f>
        <v>38000</v>
      </c>
    </row>
    <row r="6" spans="2:6" x14ac:dyDescent="0.35">
      <c r="D6" t="s">
        <v>4</v>
      </c>
      <c r="E6" s="1">
        <f>E4-C4</f>
        <v>0</v>
      </c>
    </row>
    <row r="7" spans="2:6" x14ac:dyDescent="0.35">
      <c r="D7" t="s">
        <v>38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35">
      <c r="B9" s="8" t="s">
        <v>6</v>
      </c>
    </row>
    <row r="10" spans="2:6" x14ac:dyDescent="0.35">
      <c r="B10" s="8"/>
    </row>
    <row r="11" spans="2:6" s="3" customFormat="1" ht="26.5" x14ac:dyDescent="0.35">
      <c r="B11" s="4" t="s">
        <v>3</v>
      </c>
      <c r="C11" s="4" t="s">
        <v>53</v>
      </c>
      <c r="D11" s="5" t="s">
        <v>4</v>
      </c>
      <c r="E11" s="83" t="s">
        <v>1</v>
      </c>
      <c r="F11" s="84"/>
    </row>
    <row r="12" spans="2:6" s="11" customFormat="1" x14ac:dyDescent="0.35">
      <c r="B12" s="12"/>
      <c r="C12" s="12"/>
      <c r="D12" s="13">
        <f t="shared" ref="D12:D25" si="0">C12-B12</f>
        <v>0</v>
      </c>
      <c r="E12" s="81"/>
      <c r="F12" s="82"/>
    </row>
    <row r="13" spans="2:6" s="11" customFormat="1" x14ac:dyDescent="0.35">
      <c r="B13" s="12"/>
      <c r="C13" s="12"/>
      <c r="D13" s="13">
        <f t="shared" si="0"/>
        <v>0</v>
      </c>
      <c r="E13" s="81"/>
      <c r="F13" s="82"/>
    </row>
    <row r="14" spans="2:6" s="11" customFormat="1" x14ac:dyDescent="0.35">
      <c r="B14" s="12"/>
      <c r="C14" s="12"/>
      <c r="D14" s="13">
        <f t="shared" si="0"/>
        <v>0</v>
      </c>
      <c r="E14" s="81"/>
      <c r="F14" s="82"/>
    </row>
    <row r="15" spans="2:6" s="11" customFormat="1" x14ac:dyDescent="0.35">
      <c r="B15" s="12"/>
      <c r="C15" s="12"/>
      <c r="D15" s="13">
        <f t="shared" si="0"/>
        <v>0</v>
      </c>
      <c r="E15" s="81"/>
      <c r="F15" s="82"/>
    </row>
    <row r="16" spans="2:6" s="11" customFormat="1" x14ac:dyDescent="0.35">
      <c r="B16" s="12"/>
      <c r="C16" s="12"/>
      <c r="D16" s="13">
        <f t="shared" si="0"/>
        <v>0</v>
      </c>
      <c r="E16" s="81"/>
      <c r="F16" s="82"/>
    </row>
    <row r="17" spans="1:8" s="11" customFormat="1" x14ac:dyDescent="0.35">
      <c r="B17" s="12"/>
      <c r="C17" s="12"/>
      <c r="D17" s="13">
        <f t="shared" si="0"/>
        <v>0</v>
      </c>
      <c r="E17" s="81"/>
      <c r="F17" s="82"/>
    </row>
    <row r="18" spans="1:8" s="11" customFormat="1" x14ac:dyDescent="0.35">
      <c r="B18" s="12"/>
      <c r="C18" s="12"/>
      <c r="D18" s="13">
        <f t="shared" si="0"/>
        <v>0</v>
      </c>
      <c r="E18" s="81"/>
      <c r="F18" s="82"/>
    </row>
    <row r="19" spans="1:8" s="11" customFormat="1" x14ac:dyDescent="0.35">
      <c r="B19" s="12"/>
      <c r="C19" s="12"/>
      <c r="D19" s="13">
        <f t="shared" si="0"/>
        <v>0</v>
      </c>
      <c r="E19" s="81"/>
      <c r="F19" s="82"/>
    </row>
    <row r="20" spans="1:8" s="11" customFormat="1" x14ac:dyDescent="0.35">
      <c r="B20" s="12"/>
      <c r="C20" s="12"/>
      <c r="D20" s="13">
        <f t="shared" si="0"/>
        <v>0</v>
      </c>
      <c r="E20" s="81"/>
      <c r="F20" s="82"/>
    </row>
    <row r="21" spans="1:8" s="11" customFormat="1" x14ac:dyDescent="0.35">
      <c r="B21" s="12"/>
      <c r="C21" s="12"/>
      <c r="D21" s="13">
        <f t="shared" si="0"/>
        <v>0</v>
      </c>
      <c r="E21" s="81"/>
      <c r="F21" s="82"/>
    </row>
    <row r="22" spans="1:8" s="11" customFormat="1" x14ac:dyDescent="0.35">
      <c r="B22" s="12"/>
      <c r="C22" s="12"/>
      <c r="D22" s="13">
        <f t="shared" si="0"/>
        <v>0</v>
      </c>
      <c r="E22" s="81"/>
      <c r="F22" s="82"/>
    </row>
    <row r="23" spans="1:8" s="11" customFormat="1" x14ac:dyDescent="0.35">
      <c r="B23" s="12"/>
      <c r="C23" s="12"/>
      <c r="D23" s="13">
        <f t="shared" si="0"/>
        <v>0</v>
      </c>
      <c r="E23" s="81"/>
      <c r="F23" s="82"/>
    </row>
    <row r="24" spans="1:8" s="11" customFormat="1" x14ac:dyDescent="0.35">
      <c r="B24" s="12"/>
      <c r="C24" s="12"/>
      <c r="D24" s="13">
        <f t="shared" si="0"/>
        <v>0</v>
      </c>
      <c r="E24" s="81"/>
      <c r="F24" s="82"/>
    </row>
    <row r="25" spans="1:8" s="11" customFormat="1" x14ac:dyDescent="0.35">
      <c r="B25" s="12"/>
      <c r="C25" s="12"/>
      <c r="D25" s="13">
        <f t="shared" si="0"/>
        <v>0</v>
      </c>
      <c r="E25" s="81"/>
      <c r="F25" s="82"/>
    </row>
    <row r="26" spans="1:8" x14ac:dyDescent="0.35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5"/>
      <c r="F26" s="82"/>
      <c r="G26" s="7"/>
    </row>
    <row r="27" spans="1:8" x14ac:dyDescent="0.35">
      <c r="H27" s="2"/>
    </row>
    <row r="28" spans="1:8" x14ac:dyDescent="0.35">
      <c r="F28" s="7"/>
    </row>
    <row r="29" spans="1:8" x14ac:dyDescent="0.35">
      <c r="A29" s="14" t="s">
        <v>5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tabSelected="1" topLeftCell="A13" workbookViewId="0">
      <selection activeCell="E22" sqref="E22:F22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7</v>
      </c>
    </row>
    <row r="3" spans="1:7" x14ac:dyDescent="0.35">
      <c r="B3" s="8"/>
    </row>
    <row r="4" spans="1:7" x14ac:dyDescent="0.35">
      <c r="B4" t="s">
        <v>52</v>
      </c>
      <c r="C4" s="36">
        <f>'Accounting Statement'!C9</f>
        <v>9508</v>
      </c>
      <c r="D4" t="s">
        <v>68</v>
      </c>
      <c r="E4" s="36">
        <f>'Accounting Statement'!D9</f>
        <v>17538</v>
      </c>
    </row>
    <row r="6" spans="1:7" x14ac:dyDescent="0.35">
      <c r="D6" t="s">
        <v>4</v>
      </c>
      <c r="E6" s="1">
        <f>E4-C4</f>
        <v>8030</v>
      </c>
    </row>
    <row r="7" spans="1:7" x14ac:dyDescent="0.35">
      <c r="D7" t="s">
        <v>38</v>
      </c>
      <c r="E7" s="6">
        <f>IF(AND(C4=0,E4=0),0,IF(C4=0,1,IF(E4=0,-1,(E4-C4)/C4)))</f>
        <v>0.84455195624737067</v>
      </c>
      <c r="F7" t="str">
        <f>IF(E7&lt;-0.15,"yes explain",IF(E7&gt;0.15,"Yes explain","No explanation required"))</f>
        <v>Yes explain</v>
      </c>
    </row>
    <row r="9" spans="1:7" x14ac:dyDescent="0.35">
      <c r="B9" s="8" t="s">
        <v>6</v>
      </c>
    </row>
    <row r="10" spans="1:7" x14ac:dyDescent="0.35">
      <c r="B10" s="75" t="s">
        <v>39</v>
      </c>
    </row>
    <row r="11" spans="1:7" x14ac:dyDescent="0.35">
      <c r="B11" s="75" t="s">
        <v>54</v>
      </c>
    </row>
    <row r="12" spans="1:7" x14ac:dyDescent="0.35">
      <c r="B12" s="75"/>
    </row>
    <row r="13" spans="1:7" x14ac:dyDescent="0.35">
      <c r="B13" s="8"/>
    </row>
    <row r="14" spans="1:7" s="3" customFormat="1" ht="26.5" x14ac:dyDescent="0.35">
      <c r="B14" s="4" t="s">
        <v>53</v>
      </c>
      <c r="C14" s="4" t="s">
        <v>67</v>
      </c>
      <c r="D14" s="5" t="s">
        <v>4</v>
      </c>
      <c r="E14" s="83" t="s">
        <v>1</v>
      </c>
      <c r="F14" s="84"/>
    </row>
    <row r="15" spans="1:7" s="17" customFormat="1" x14ac:dyDescent="0.35">
      <c r="A15" s="16"/>
      <c r="B15" s="13">
        <v>1190.4000000000001</v>
      </c>
      <c r="C15" s="13">
        <v>1166.4000000000001</v>
      </c>
      <c r="D15" s="73">
        <f>C15-B15</f>
        <v>-24</v>
      </c>
      <c r="E15" s="86" t="s">
        <v>65</v>
      </c>
      <c r="F15" s="87"/>
      <c r="G15" s="16"/>
    </row>
    <row r="16" spans="1:7" s="11" customFormat="1" x14ac:dyDescent="0.35">
      <c r="B16" s="12">
        <v>208</v>
      </c>
      <c r="C16" s="12">
        <v>2519</v>
      </c>
      <c r="D16" s="73">
        <f t="shared" ref="D16:D23" si="0">C16-B16</f>
        <v>2311</v>
      </c>
      <c r="E16" s="81" t="s">
        <v>96</v>
      </c>
      <c r="F16" s="82"/>
    </row>
    <row r="17" spans="1:8" s="11" customFormat="1" x14ac:dyDescent="0.35">
      <c r="B17" s="12">
        <v>3920.79</v>
      </c>
      <c r="C17" s="12">
        <v>3920.79</v>
      </c>
      <c r="D17" s="73">
        <f t="shared" si="0"/>
        <v>0</v>
      </c>
      <c r="E17" s="81" t="s">
        <v>97</v>
      </c>
      <c r="F17" s="82"/>
    </row>
    <row r="18" spans="1:8" s="11" customFormat="1" x14ac:dyDescent="0.35">
      <c r="B18" s="12">
        <v>873.83</v>
      </c>
      <c r="C18" s="12">
        <v>7533.79</v>
      </c>
      <c r="D18" s="73">
        <f t="shared" si="0"/>
        <v>6659.96</v>
      </c>
      <c r="E18" s="81" t="s">
        <v>64</v>
      </c>
      <c r="F18" s="82"/>
    </row>
    <row r="19" spans="1:8" s="11" customFormat="1" x14ac:dyDescent="0.35">
      <c r="B19" s="12">
        <v>2430</v>
      </c>
      <c r="C19" s="12">
        <v>0</v>
      </c>
      <c r="D19" s="73">
        <f t="shared" si="0"/>
        <v>-2430</v>
      </c>
      <c r="E19" s="81" t="s">
        <v>98</v>
      </c>
      <c r="F19" s="82"/>
    </row>
    <row r="20" spans="1:8" s="11" customFormat="1" x14ac:dyDescent="0.35">
      <c r="B20" s="12">
        <v>884.93</v>
      </c>
      <c r="C20" s="12">
        <v>0</v>
      </c>
      <c r="D20" s="73">
        <f t="shared" si="0"/>
        <v>-884.93</v>
      </c>
      <c r="E20" s="81" t="s">
        <v>99</v>
      </c>
      <c r="F20" s="82"/>
    </row>
    <row r="21" spans="1:8" s="11" customFormat="1" x14ac:dyDescent="0.35">
      <c r="B21" s="12">
        <v>0</v>
      </c>
      <c r="C21" s="12">
        <v>2000</v>
      </c>
      <c r="D21" s="73">
        <f t="shared" si="0"/>
        <v>2000</v>
      </c>
      <c r="E21" s="81" t="s">
        <v>100</v>
      </c>
      <c r="F21" s="82"/>
    </row>
    <row r="22" spans="1:8" s="11" customFormat="1" x14ac:dyDescent="0.35">
      <c r="B22" s="12">
        <v>0</v>
      </c>
      <c r="C22" s="12">
        <v>374.54</v>
      </c>
      <c r="D22" s="73">
        <f t="shared" si="0"/>
        <v>374.54</v>
      </c>
      <c r="E22" s="81" t="s">
        <v>102</v>
      </c>
      <c r="F22" s="82"/>
    </row>
    <row r="23" spans="1:8" s="11" customFormat="1" x14ac:dyDescent="0.35">
      <c r="B23" s="12">
        <v>0</v>
      </c>
      <c r="C23" s="12">
        <v>24</v>
      </c>
      <c r="D23" s="73">
        <f t="shared" si="0"/>
        <v>24</v>
      </c>
      <c r="E23" s="81" t="s">
        <v>101</v>
      </c>
      <c r="F23" s="82"/>
    </row>
    <row r="24" spans="1:8" s="11" customFormat="1" x14ac:dyDescent="0.35">
      <c r="B24" s="12"/>
      <c r="C24" s="12"/>
      <c r="D24" s="73"/>
      <c r="E24" s="81"/>
      <c r="F24" s="82"/>
    </row>
    <row r="25" spans="1:8" s="11" customFormat="1" x14ac:dyDescent="0.35">
      <c r="B25" s="12"/>
      <c r="C25" s="12"/>
      <c r="D25" s="73"/>
      <c r="E25" s="81"/>
      <c r="F25" s="82"/>
    </row>
    <row r="26" spans="1:8" s="11" customFormat="1" x14ac:dyDescent="0.35">
      <c r="B26" s="12"/>
      <c r="C26" s="12"/>
      <c r="D26" s="73"/>
      <c r="E26" s="81"/>
      <c r="F26" s="82"/>
    </row>
    <row r="27" spans="1:8" s="11" customFormat="1" x14ac:dyDescent="0.35">
      <c r="B27" s="12"/>
      <c r="C27" s="12"/>
      <c r="D27" s="73"/>
      <c r="E27" s="81"/>
      <c r="F27" s="82"/>
    </row>
    <row r="28" spans="1:8" s="11" customFormat="1" x14ac:dyDescent="0.35">
      <c r="B28" s="12"/>
      <c r="C28" s="12"/>
      <c r="D28" s="73"/>
      <c r="E28" s="81"/>
      <c r="F28" s="82"/>
    </row>
    <row r="29" spans="1:8" s="11" customFormat="1" x14ac:dyDescent="0.35">
      <c r="B29" s="12"/>
      <c r="C29" s="12"/>
      <c r="D29" s="73"/>
      <c r="E29" s="81"/>
      <c r="F29" s="82"/>
    </row>
    <row r="30" spans="1:8" x14ac:dyDescent="0.35">
      <c r="A30" s="9" t="s">
        <v>0</v>
      </c>
      <c r="B30" s="10">
        <f>SUM(B15:B29)</f>
        <v>9507.9500000000007</v>
      </c>
      <c r="C30" s="10">
        <f>SUM(C15:C29)</f>
        <v>17538.52</v>
      </c>
      <c r="D30" s="74">
        <f>SUM(D15:D29)</f>
        <v>8030.5699999999988</v>
      </c>
      <c r="E30" s="85"/>
      <c r="F30" s="82"/>
      <c r="G30" s="7"/>
    </row>
    <row r="31" spans="1:8" x14ac:dyDescent="0.35">
      <c r="H31" s="2"/>
    </row>
    <row r="32" spans="1:8" x14ac:dyDescent="0.35">
      <c r="F32" s="7"/>
    </row>
    <row r="33" spans="1:1" x14ac:dyDescent="0.35">
      <c r="A33" s="14" t="s">
        <v>5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98" orientation="landscape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4" sqref="B4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8</v>
      </c>
    </row>
    <row r="3" spans="1:7" x14ac:dyDescent="0.35">
      <c r="B3" s="8"/>
    </row>
    <row r="4" spans="1:7" x14ac:dyDescent="0.35">
      <c r="B4" t="s">
        <v>52</v>
      </c>
      <c r="C4" s="36">
        <f>'Accounting Statement'!C10</f>
        <v>14416</v>
      </c>
      <c r="D4" t="s">
        <v>68</v>
      </c>
      <c r="E4" s="36">
        <f>'Accounting Statement'!D10</f>
        <v>16336</v>
      </c>
    </row>
    <row r="6" spans="1:7" x14ac:dyDescent="0.35">
      <c r="D6" t="s">
        <v>4</v>
      </c>
      <c r="E6" s="1">
        <f>E4-C4</f>
        <v>1920</v>
      </c>
    </row>
    <row r="7" spans="1:7" x14ac:dyDescent="0.35">
      <c r="D7" t="s">
        <v>38</v>
      </c>
      <c r="E7" s="6">
        <f>IF(AND(C4=0,E4=0),0,IF(C4=0,1,IF(E4=0,-1,(E4-C4)/C4)))</f>
        <v>0.13318534961154274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6</v>
      </c>
    </row>
    <row r="10" spans="1:7" x14ac:dyDescent="0.35">
      <c r="B10" s="75" t="s">
        <v>63</v>
      </c>
    </row>
    <row r="11" spans="1:7" x14ac:dyDescent="0.35">
      <c r="B11" s="8"/>
    </row>
    <row r="12" spans="1:7" s="3" customFormat="1" ht="26.5" x14ac:dyDescent="0.35">
      <c r="B12" s="4" t="s">
        <v>53</v>
      </c>
      <c r="C12" s="4" t="s">
        <v>67</v>
      </c>
      <c r="D12" s="5" t="s">
        <v>4</v>
      </c>
      <c r="E12" s="83" t="s">
        <v>1</v>
      </c>
      <c r="F12" s="84"/>
    </row>
    <row r="13" spans="1:7" s="17" customFormat="1" x14ac:dyDescent="0.35">
      <c r="A13" s="16"/>
      <c r="B13" s="13"/>
      <c r="C13" s="13"/>
      <c r="D13" s="13">
        <f>C13-B13</f>
        <v>0</v>
      </c>
      <c r="E13" s="86"/>
      <c r="F13" s="87"/>
      <c r="G13" s="16"/>
    </row>
    <row r="14" spans="1:7" s="11" customFormat="1" x14ac:dyDescent="0.35">
      <c r="B14" s="12"/>
      <c r="C14" s="12"/>
      <c r="D14" s="13">
        <f t="shared" ref="D14:D27" si="0">C14-B14</f>
        <v>0</v>
      </c>
      <c r="E14" s="81"/>
      <c r="F14" s="82"/>
    </row>
    <row r="15" spans="1:7" s="11" customFormat="1" x14ac:dyDescent="0.35">
      <c r="B15" s="12"/>
      <c r="C15" s="12"/>
      <c r="D15" s="13">
        <f t="shared" si="0"/>
        <v>0</v>
      </c>
      <c r="E15" s="81"/>
      <c r="F15" s="82"/>
    </row>
    <row r="16" spans="1:7" s="11" customFormat="1" x14ac:dyDescent="0.35">
      <c r="B16" s="12"/>
      <c r="C16" s="12"/>
      <c r="D16" s="13">
        <f t="shared" si="0"/>
        <v>0</v>
      </c>
      <c r="E16" s="81"/>
      <c r="F16" s="82"/>
    </row>
    <row r="17" spans="1:8" s="11" customFormat="1" x14ac:dyDescent="0.35">
      <c r="B17" s="12"/>
      <c r="C17" s="12"/>
      <c r="D17" s="13">
        <f t="shared" si="0"/>
        <v>0</v>
      </c>
      <c r="E17" s="81"/>
      <c r="F17" s="82"/>
    </row>
    <row r="18" spans="1:8" s="11" customFormat="1" x14ac:dyDescent="0.35">
      <c r="B18" s="12"/>
      <c r="C18" s="12"/>
      <c r="D18" s="13">
        <f t="shared" si="0"/>
        <v>0</v>
      </c>
      <c r="E18" s="81"/>
      <c r="F18" s="82"/>
    </row>
    <row r="19" spans="1:8" s="11" customFormat="1" x14ac:dyDescent="0.35">
      <c r="B19" s="12"/>
      <c r="C19" s="12"/>
      <c r="D19" s="13">
        <f t="shared" si="0"/>
        <v>0</v>
      </c>
      <c r="E19" s="81"/>
      <c r="F19" s="82"/>
    </row>
    <row r="20" spans="1:8" s="11" customFormat="1" x14ac:dyDescent="0.35">
      <c r="B20" s="12"/>
      <c r="C20" s="12"/>
      <c r="D20" s="13">
        <f t="shared" si="0"/>
        <v>0</v>
      </c>
      <c r="E20" s="81"/>
      <c r="F20" s="82"/>
    </row>
    <row r="21" spans="1:8" s="11" customFormat="1" x14ac:dyDescent="0.35">
      <c r="B21" s="12"/>
      <c r="C21" s="12"/>
      <c r="D21" s="13">
        <f t="shared" si="0"/>
        <v>0</v>
      </c>
      <c r="E21" s="81"/>
      <c r="F21" s="82"/>
    </row>
    <row r="22" spans="1:8" s="11" customFormat="1" x14ac:dyDescent="0.35">
      <c r="B22" s="12"/>
      <c r="C22" s="12"/>
      <c r="D22" s="13">
        <f t="shared" si="0"/>
        <v>0</v>
      </c>
      <c r="E22" s="81"/>
      <c r="F22" s="82"/>
    </row>
    <row r="23" spans="1:8" s="11" customFormat="1" x14ac:dyDescent="0.35">
      <c r="B23" s="12"/>
      <c r="C23" s="12"/>
      <c r="D23" s="13">
        <f t="shared" si="0"/>
        <v>0</v>
      </c>
      <c r="E23" s="81"/>
      <c r="F23" s="82"/>
    </row>
    <row r="24" spans="1:8" s="11" customFormat="1" x14ac:dyDescent="0.35">
      <c r="B24" s="12"/>
      <c r="C24" s="12"/>
      <c r="D24" s="13">
        <f t="shared" si="0"/>
        <v>0</v>
      </c>
      <c r="E24" s="81"/>
      <c r="F24" s="82"/>
    </row>
    <row r="25" spans="1:8" s="11" customFormat="1" x14ac:dyDescent="0.35">
      <c r="B25" s="12"/>
      <c r="C25" s="12"/>
      <c r="D25" s="13">
        <f t="shared" si="0"/>
        <v>0</v>
      </c>
      <c r="E25" s="81"/>
      <c r="F25" s="82"/>
    </row>
    <row r="26" spans="1:8" s="11" customFormat="1" x14ac:dyDescent="0.35">
      <c r="B26" s="12"/>
      <c r="C26" s="12"/>
      <c r="D26" s="13">
        <f t="shared" si="0"/>
        <v>0</v>
      </c>
      <c r="E26" s="81"/>
      <c r="F26" s="82"/>
    </row>
    <row r="27" spans="1:8" s="11" customFormat="1" x14ac:dyDescent="0.35">
      <c r="B27" s="12"/>
      <c r="C27" s="12"/>
      <c r="D27" s="13">
        <f t="shared" si="0"/>
        <v>0</v>
      </c>
      <c r="E27" s="81"/>
      <c r="F27" s="82"/>
    </row>
    <row r="28" spans="1:8" x14ac:dyDescent="0.3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5"/>
      <c r="F28" s="82"/>
      <c r="G28" s="7"/>
    </row>
    <row r="29" spans="1:8" x14ac:dyDescent="0.35">
      <c r="H29" s="2"/>
    </row>
    <row r="30" spans="1:8" x14ac:dyDescent="0.35">
      <c r="F30" s="7"/>
    </row>
    <row r="31" spans="1:8" x14ac:dyDescent="0.35">
      <c r="A31" s="14" t="s">
        <v>5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topLeftCell="A8" workbookViewId="0">
      <selection activeCell="E17" sqref="E17:F17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9</v>
      </c>
    </row>
    <row r="3" spans="1:7" x14ac:dyDescent="0.35">
      <c r="B3" s="8"/>
    </row>
    <row r="4" spans="1:7" x14ac:dyDescent="0.35">
      <c r="B4" t="s">
        <v>52</v>
      </c>
      <c r="C4" s="36">
        <f>'Accounting Statement'!C11</f>
        <v>3627</v>
      </c>
      <c r="D4" t="s">
        <v>68</v>
      </c>
      <c r="E4" s="36">
        <f>'Accounting Statement'!D11</f>
        <v>3627</v>
      </c>
    </row>
    <row r="6" spans="1:7" x14ac:dyDescent="0.35">
      <c r="D6" t="s">
        <v>4</v>
      </c>
      <c r="E6" s="1">
        <f>E4-C4</f>
        <v>0</v>
      </c>
    </row>
    <row r="7" spans="1:7" x14ac:dyDescent="0.35">
      <c r="D7" t="s">
        <v>38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6</v>
      </c>
    </row>
    <row r="10" spans="1:7" x14ac:dyDescent="0.35">
      <c r="B10" s="8"/>
    </row>
    <row r="11" spans="1:7" s="3" customFormat="1" ht="26.5" x14ac:dyDescent="0.35">
      <c r="B11" s="4" t="s">
        <v>53</v>
      </c>
      <c r="C11" s="4" t="s">
        <v>67</v>
      </c>
      <c r="D11" s="5" t="s">
        <v>4</v>
      </c>
      <c r="E11" s="83" t="s">
        <v>1</v>
      </c>
      <c r="F11" s="84"/>
    </row>
    <row r="12" spans="1:7" s="17" customFormat="1" x14ac:dyDescent="0.35">
      <c r="A12" s="16"/>
      <c r="B12" s="13"/>
      <c r="C12" s="13"/>
      <c r="D12" s="13">
        <f>C12-B12</f>
        <v>0</v>
      </c>
      <c r="E12" s="86"/>
      <c r="F12" s="87"/>
      <c r="G12" s="16"/>
    </row>
    <row r="13" spans="1:7" s="11" customFormat="1" x14ac:dyDescent="0.35">
      <c r="B13" s="12"/>
      <c r="C13" s="12"/>
      <c r="D13" s="13">
        <f t="shared" ref="D13:D26" si="0">C13-B13</f>
        <v>0</v>
      </c>
      <c r="E13" s="81"/>
      <c r="F13" s="82"/>
    </row>
    <row r="14" spans="1:7" s="11" customFormat="1" x14ac:dyDescent="0.35">
      <c r="B14" s="12"/>
      <c r="C14" s="12"/>
      <c r="D14" s="13">
        <f t="shared" si="0"/>
        <v>0</v>
      </c>
      <c r="E14" s="81"/>
      <c r="F14" s="82"/>
    </row>
    <row r="15" spans="1:7" s="11" customFormat="1" x14ac:dyDescent="0.35">
      <c r="B15" s="12"/>
      <c r="C15" s="12"/>
      <c r="D15" s="13">
        <f t="shared" si="0"/>
        <v>0</v>
      </c>
      <c r="E15" s="81"/>
      <c r="F15" s="82"/>
    </row>
    <row r="16" spans="1:7" s="11" customFormat="1" x14ac:dyDescent="0.35">
      <c r="B16" s="12"/>
      <c r="C16" s="12"/>
      <c r="D16" s="13">
        <f t="shared" si="0"/>
        <v>0</v>
      </c>
      <c r="E16" s="81"/>
      <c r="F16" s="82"/>
    </row>
    <row r="17" spans="1:8" s="11" customFormat="1" x14ac:dyDescent="0.35">
      <c r="B17" s="12"/>
      <c r="C17" s="12"/>
      <c r="D17" s="13">
        <f t="shared" si="0"/>
        <v>0</v>
      </c>
      <c r="E17" s="81"/>
      <c r="F17" s="82"/>
    </row>
    <row r="18" spans="1:8" s="11" customFormat="1" x14ac:dyDescent="0.35">
      <c r="B18" s="12"/>
      <c r="C18" s="12"/>
      <c r="D18" s="13">
        <f t="shared" si="0"/>
        <v>0</v>
      </c>
      <c r="E18" s="81"/>
      <c r="F18" s="82"/>
    </row>
    <row r="19" spans="1:8" s="11" customFormat="1" x14ac:dyDescent="0.35">
      <c r="B19" s="12"/>
      <c r="C19" s="12"/>
      <c r="D19" s="13">
        <f t="shared" si="0"/>
        <v>0</v>
      </c>
      <c r="E19" s="81"/>
      <c r="F19" s="82"/>
    </row>
    <row r="20" spans="1:8" s="11" customFormat="1" x14ac:dyDescent="0.35">
      <c r="B20" s="12"/>
      <c r="C20" s="12"/>
      <c r="D20" s="13">
        <f t="shared" si="0"/>
        <v>0</v>
      </c>
      <c r="E20" s="81"/>
      <c r="F20" s="82"/>
    </row>
    <row r="21" spans="1:8" s="11" customFormat="1" x14ac:dyDescent="0.35">
      <c r="B21" s="12"/>
      <c r="C21" s="12"/>
      <c r="D21" s="13">
        <f t="shared" si="0"/>
        <v>0</v>
      </c>
      <c r="E21" s="81"/>
      <c r="F21" s="82"/>
    </row>
    <row r="22" spans="1:8" s="11" customFormat="1" x14ac:dyDescent="0.35">
      <c r="B22" s="12"/>
      <c r="C22" s="12"/>
      <c r="D22" s="13">
        <f t="shared" si="0"/>
        <v>0</v>
      </c>
      <c r="E22" s="81"/>
      <c r="F22" s="82"/>
    </row>
    <row r="23" spans="1:8" s="11" customFormat="1" x14ac:dyDescent="0.35">
      <c r="B23" s="12"/>
      <c r="C23" s="12"/>
      <c r="D23" s="13">
        <f t="shared" si="0"/>
        <v>0</v>
      </c>
      <c r="E23" s="81"/>
      <c r="F23" s="82"/>
    </row>
    <row r="24" spans="1:8" s="11" customFormat="1" x14ac:dyDescent="0.35">
      <c r="B24" s="12"/>
      <c r="C24" s="12"/>
      <c r="D24" s="13">
        <f t="shared" si="0"/>
        <v>0</v>
      </c>
      <c r="E24" s="81"/>
      <c r="F24" s="82"/>
    </row>
    <row r="25" spans="1:8" s="11" customFormat="1" x14ac:dyDescent="0.35">
      <c r="B25" s="12"/>
      <c r="C25" s="12"/>
      <c r="D25" s="13">
        <f t="shared" si="0"/>
        <v>0</v>
      </c>
      <c r="E25" s="81"/>
      <c r="F25" s="82"/>
    </row>
    <row r="26" spans="1:8" s="11" customFormat="1" x14ac:dyDescent="0.35">
      <c r="B26" s="12"/>
      <c r="C26" s="12"/>
      <c r="D26" s="13">
        <f t="shared" si="0"/>
        <v>0</v>
      </c>
      <c r="E26" s="81"/>
      <c r="F26" s="82"/>
    </row>
    <row r="27" spans="1:8" x14ac:dyDescent="0.35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5"/>
      <c r="F27" s="82"/>
      <c r="G27" s="7"/>
    </row>
    <row r="28" spans="1:8" x14ac:dyDescent="0.35">
      <c r="H28" s="2"/>
    </row>
    <row r="29" spans="1:8" x14ac:dyDescent="0.35">
      <c r="F29" s="7"/>
    </row>
    <row r="30" spans="1:8" x14ac:dyDescent="0.35">
      <c r="A30" s="14" t="s">
        <v>5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5"/>
  <sheetViews>
    <sheetView topLeftCell="A15" workbookViewId="0">
      <selection activeCell="E31" sqref="E31:F31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20.26953125" customWidth="1"/>
  </cols>
  <sheetData>
    <row r="1" spans="1:8" x14ac:dyDescent="0.35">
      <c r="B1" s="15" t="s">
        <v>10</v>
      </c>
    </row>
    <row r="3" spans="1:8" x14ac:dyDescent="0.35">
      <c r="B3" s="8"/>
    </row>
    <row r="4" spans="1:8" x14ac:dyDescent="0.35">
      <c r="B4" t="s">
        <v>52</v>
      </c>
      <c r="C4" s="36">
        <f>'Accounting Statement'!C12</f>
        <v>24652</v>
      </c>
      <c r="D4" t="s">
        <v>68</v>
      </c>
      <c r="E4" s="36">
        <f>'Accounting Statement'!D12</f>
        <v>61107</v>
      </c>
    </row>
    <row r="6" spans="1:8" x14ac:dyDescent="0.35">
      <c r="D6" t="s">
        <v>4</v>
      </c>
      <c r="E6" s="1">
        <f>E4-C4</f>
        <v>36455</v>
      </c>
    </row>
    <row r="7" spans="1:8" x14ac:dyDescent="0.35">
      <c r="D7" t="s">
        <v>38</v>
      </c>
      <c r="E7" s="6">
        <f>IF(AND(C4=0,E4=0),0,IF(C4=0,1,IF(E4=0,-1,(E4-C4)/C4)))</f>
        <v>1.4787846827843583</v>
      </c>
      <c r="F7" t="str">
        <f>IF(E7&lt;-0.15,"yes explain",IF(E7&gt;0.15,"Yes explain","No explanation required"))</f>
        <v>Yes explain</v>
      </c>
    </row>
    <row r="9" spans="1:8" x14ac:dyDescent="0.35">
      <c r="B9" s="8" t="s">
        <v>6</v>
      </c>
    </row>
    <row r="10" spans="1:8" x14ac:dyDescent="0.35">
      <c r="B10" s="18" t="s">
        <v>40</v>
      </c>
    </row>
    <row r="11" spans="1:8" x14ac:dyDescent="0.35">
      <c r="B11" s="75" t="s">
        <v>54</v>
      </c>
    </row>
    <row r="12" spans="1:8" x14ac:dyDescent="0.35">
      <c r="B12" s="8"/>
    </row>
    <row r="13" spans="1:8" s="3" customFormat="1" ht="26.5" x14ac:dyDescent="0.35">
      <c r="B13" s="4" t="s">
        <v>53</v>
      </c>
      <c r="C13" s="4" t="s">
        <v>67</v>
      </c>
      <c r="D13" s="5" t="s">
        <v>4</v>
      </c>
      <c r="E13" s="83" t="s">
        <v>1</v>
      </c>
      <c r="F13" s="84"/>
      <c r="G13" s="83" t="s">
        <v>55</v>
      </c>
      <c r="H13" s="84"/>
    </row>
    <row r="14" spans="1:8" s="17" customFormat="1" x14ac:dyDescent="0.35">
      <c r="A14" s="16"/>
      <c r="B14" s="13">
        <v>224.1</v>
      </c>
      <c r="C14" s="13">
        <v>273.60000000000002</v>
      </c>
      <c r="D14" s="73">
        <f>C14-B14</f>
        <v>49.500000000000028</v>
      </c>
      <c r="E14" s="86" t="s">
        <v>71</v>
      </c>
      <c r="F14" s="87"/>
      <c r="G14" s="16"/>
    </row>
    <row r="15" spans="1:8" s="11" customFormat="1" x14ac:dyDescent="0.35">
      <c r="B15" s="12">
        <v>741.52</v>
      </c>
      <c r="C15" s="12">
        <v>846.94</v>
      </c>
      <c r="D15" s="73">
        <f t="shared" ref="D15:D31" si="0">C15-B15</f>
        <v>105.42000000000007</v>
      </c>
      <c r="E15" s="81" t="s">
        <v>72</v>
      </c>
      <c r="F15" s="82"/>
    </row>
    <row r="16" spans="1:8" s="11" customFormat="1" x14ac:dyDescent="0.35">
      <c r="B16" s="12">
        <v>240.55</v>
      </c>
      <c r="C16" s="12">
        <v>510.08</v>
      </c>
      <c r="D16" s="73">
        <f t="shared" si="0"/>
        <v>269.52999999999997</v>
      </c>
      <c r="E16" s="81" t="s">
        <v>81</v>
      </c>
      <c r="F16" s="82"/>
    </row>
    <row r="17" spans="1:7" s="11" customFormat="1" x14ac:dyDescent="0.35">
      <c r="B17" s="12">
        <v>600</v>
      </c>
      <c r="C17" s="12">
        <v>620</v>
      </c>
      <c r="D17" s="73">
        <f t="shared" si="0"/>
        <v>20</v>
      </c>
      <c r="E17" s="81" t="s">
        <v>73</v>
      </c>
      <c r="F17" s="82"/>
    </row>
    <row r="18" spans="1:7" s="11" customFormat="1" x14ac:dyDescent="0.35">
      <c r="B18" s="12">
        <v>845.37</v>
      </c>
      <c r="C18" s="12">
        <v>958.89</v>
      </c>
      <c r="D18" s="73">
        <f t="shared" si="0"/>
        <v>113.51999999999998</v>
      </c>
      <c r="E18" s="81" t="s">
        <v>74</v>
      </c>
      <c r="F18" s="82"/>
    </row>
    <row r="19" spans="1:7" s="11" customFormat="1" x14ac:dyDescent="0.35">
      <c r="B19" s="12">
        <v>0</v>
      </c>
      <c r="C19" s="12">
        <v>1700</v>
      </c>
      <c r="D19" s="73">
        <f t="shared" si="0"/>
        <v>1700</v>
      </c>
      <c r="E19" s="81" t="s">
        <v>82</v>
      </c>
      <c r="F19" s="82"/>
    </row>
    <row r="20" spans="1:7" s="11" customFormat="1" x14ac:dyDescent="0.35">
      <c r="B20" s="12">
        <v>850</v>
      </c>
      <c r="C20" s="12">
        <v>0</v>
      </c>
      <c r="D20" s="73">
        <f t="shared" si="0"/>
        <v>-850</v>
      </c>
      <c r="E20" s="81" t="s">
        <v>75</v>
      </c>
      <c r="F20" s="82"/>
    </row>
    <row r="21" spans="1:7" s="11" customFormat="1" x14ac:dyDescent="0.35">
      <c r="B21" s="12">
        <v>1700.93</v>
      </c>
      <c r="C21" s="12">
        <v>0</v>
      </c>
      <c r="D21" s="73">
        <f t="shared" si="0"/>
        <v>-1700.93</v>
      </c>
      <c r="E21" s="81" t="s">
        <v>76</v>
      </c>
      <c r="F21" s="82"/>
    </row>
    <row r="22" spans="1:7" s="11" customFormat="1" x14ac:dyDescent="0.35">
      <c r="B22" s="12">
        <v>0</v>
      </c>
      <c r="C22" s="12">
        <v>13318.6</v>
      </c>
      <c r="D22" s="73">
        <f t="shared" si="0"/>
        <v>13318.6</v>
      </c>
      <c r="E22" s="81" t="s">
        <v>77</v>
      </c>
      <c r="F22" s="82"/>
    </row>
    <row r="23" spans="1:7" s="11" customFormat="1" x14ac:dyDescent="0.35">
      <c r="B23" s="12">
        <v>0</v>
      </c>
      <c r="C23" s="12">
        <v>2745</v>
      </c>
      <c r="D23" s="73">
        <f t="shared" si="0"/>
        <v>2745</v>
      </c>
      <c r="E23" s="81" t="s">
        <v>78</v>
      </c>
      <c r="F23" s="82"/>
    </row>
    <row r="24" spans="1:7" s="11" customFormat="1" x14ac:dyDescent="0.35">
      <c r="B24" s="12">
        <v>0</v>
      </c>
      <c r="C24" s="12">
        <v>3953.78</v>
      </c>
      <c r="D24" s="73">
        <f t="shared" si="0"/>
        <v>3953.78</v>
      </c>
      <c r="E24" s="81" t="s">
        <v>79</v>
      </c>
      <c r="F24" s="82"/>
    </row>
    <row r="25" spans="1:7" s="11" customFormat="1" x14ac:dyDescent="0.35">
      <c r="B25" s="12">
        <v>3904.92</v>
      </c>
      <c r="C25" s="12">
        <v>4481.9799999999996</v>
      </c>
      <c r="D25" s="73">
        <f t="shared" si="0"/>
        <v>577.05999999999949</v>
      </c>
      <c r="E25" s="76" t="s">
        <v>80</v>
      </c>
      <c r="F25" s="77"/>
    </row>
    <row r="26" spans="1:7" s="11" customFormat="1" x14ac:dyDescent="0.35">
      <c r="B26" s="12">
        <v>1355.66</v>
      </c>
      <c r="C26" s="12">
        <v>760</v>
      </c>
      <c r="D26" s="73">
        <f t="shared" si="0"/>
        <v>-595.66000000000008</v>
      </c>
      <c r="E26" s="76" t="s">
        <v>83</v>
      </c>
      <c r="F26" s="77"/>
    </row>
    <row r="27" spans="1:7" s="11" customFormat="1" x14ac:dyDescent="0.35">
      <c r="B27" s="12">
        <v>3124.14</v>
      </c>
      <c r="C27" s="12">
        <v>2841</v>
      </c>
      <c r="D27" s="73">
        <f t="shared" si="0"/>
        <v>-283.13999999999987</v>
      </c>
      <c r="E27" s="76" t="s">
        <v>84</v>
      </c>
      <c r="F27" s="77"/>
    </row>
    <row r="28" spans="1:7" s="11" customFormat="1" x14ac:dyDescent="0.35">
      <c r="B28" s="12">
        <v>10000.25</v>
      </c>
      <c r="C28" s="12">
        <v>19975.169999999998</v>
      </c>
      <c r="D28" s="73">
        <f t="shared" si="0"/>
        <v>9974.9199999999983</v>
      </c>
      <c r="E28" s="81" t="s">
        <v>85</v>
      </c>
      <c r="F28" s="82"/>
    </row>
    <row r="29" spans="1:7" s="11" customFormat="1" x14ac:dyDescent="0.35">
      <c r="B29" s="12">
        <v>1065.1199999999999</v>
      </c>
      <c r="C29" s="12">
        <v>8121.92</v>
      </c>
      <c r="D29" s="73">
        <f t="shared" si="0"/>
        <v>7056.8</v>
      </c>
      <c r="E29" s="81" t="s">
        <v>86</v>
      </c>
      <c r="F29" s="82"/>
    </row>
    <row r="30" spans="1:7" s="11" customFormat="1" x14ac:dyDescent="0.35">
      <c r="B30" s="12"/>
      <c r="C30" s="12"/>
      <c r="D30" s="73">
        <f t="shared" si="0"/>
        <v>0</v>
      </c>
      <c r="E30" s="81"/>
      <c r="F30" s="82"/>
    </row>
    <row r="31" spans="1:7" s="11" customFormat="1" x14ac:dyDescent="0.35">
      <c r="B31" s="12"/>
      <c r="C31" s="12"/>
      <c r="D31" s="73">
        <f t="shared" si="0"/>
        <v>0</v>
      </c>
      <c r="E31" s="81"/>
      <c r="F31" s="82"/>
    </row>
    <row r="32" spans="1:7" x14ac:dyDescent="0.35">
      <c r="A32" s="9" t="s">
        <v>0</v>
      </c>
      <c r="B32" s="10">
        <f>SUM(B14:B31)</f>
        <v>24652.559999999998</v>
      </c>
      <c r="C32" s="10">
        <f>SUM(C14:C31)</f>
        <v>61106.959999999992</v>
      </c>
      <c r="D32" s="74">
        <f>SUM(D14:D31)</f>
        <v>36454.400000000001</v>
      </c>
      <c r="E32" s="85"/>
      <c r="F32" s="82"/>
      <c r="G32" s="7"/>
    </row>
    <row r="33" spans="1:8" x14ac:dyDescent="0.35">
      <c r="H33" s="2"/>
    </row>
    <row r="34" spans="1:8" x14ac:dyDescent="0.35">
      <c r="F34" s="7"/>
    </row>
    <row r="35" spans="1:8" x14ac:dyDescent="0.35">
      <c r="A35" s="14" t="s">
        <v>5</v>
      </c>
    </row>
  </sheetData>
  <mergeCells count="18">
    <mergeCell ref="G13:H13"/>
    <mergeCell ref="E28:F28"/>
    <mergeCell ref="E29:F29"/>
    <mergeCell ref="E30:F30"/>
    <mergeCell ref="E31:F31"/>
    <mergeCell ref="E32:F32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88" orientation="landscape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H22"/>
  <sheetViews>
    <sheetView workbookViewId="0">
      <selection activeCell="I18" sqref="I18"/>
    </sheetView>
  </sheetViews>
  <sheetFormatPr defaultColWidth="9.1796875" defaultRowHeight="14.5" x14ac:dyDescent="0.35"/>
  <cols>
    <col min="1" max="1" width="6.81640625" style="59" bestFit="1" customWidth="1"/>
    <col min="2" max="2" width="11.26953125" style="59" customWidth="1"/>
    <col min="3" max="3" width="10.7265625" style="59" customWidth="1"/>
    <col min="4" max="4" width="10.453125" style="59" bestFit="1" customWidth="1"/>
    <col min="5" max="5" width="9.81640625" style="59" customWidth="1"/>
    <col min="6" max="6" width="12.54296875" style="59" customWidth="1"/>
    <col min="7" max="16384" width="9.1796875" style="59"/>
  </cols>
  <sheetData>
    <row r="1" spans="2:8" x14ac:dyDescent="0.35">
      <c r="B1" s="63" t="s">
        <v>44</v>
      </c>
    </row>
    <row r="3" spans="2:8" x14ac:dyDescent="0.35">
      <c r="B3" s="60"/>
    </row>
    <row r="4" spans="2:8" x14ac:dyDescent="0.35">
      <c r="B4" s="59" t="s">
        <v>45</v>
      </c>
      <c r="C4" s="64">
        <f>'Accounting Statement'!D13</f>
        <v>58367</v>
      </c>
      <c r="D4" s="59" t="s">
        <v>46</v>
      </c>
      <c r="E4" s="64">
        <f>'Accounting Statement'!D8</f>
        <v>38000</v>
      </c>
    </row>
    <row r="6" spans="2:8" x14ac:dyDescent="0.35">
      <c r="D6" s="65"/>
    </row>
    <row r="7" spans="2:8" x14ac:dyDescent="0.35">
      <c r="E7" s="66"/>
    </row>
    <row r="8" spans="2:8" x14ac:dyDescent="0.35">
      <c r="E8" s="60" t="s">
        <v>47</v>
      </c>
      <c r="F8" s="60" t="s">
        <v>47</v>
      </c>
      <c r="G8" s="60" t="s">
        <v>47</v>
      </c>
    </row>
    <row r="9" spans="2:8" x14ac:dyDescent="0.35">
      <c r="B9" s="60" t="s">
        <v>48</v>
      </c>
    </row>
    <row r="10" spans="2:8" x14ac:dyDescent="0.35">
      <c r="B10" s="59" t="s">
        <v>87</v>
      </c>
      <c r="E10" s="59">
        <v>42000</v>
      </c>
      <c r="H10" s="59" t="s">
        <v>89</v>
      </c>
    </row>
    <row r="11" spans="2:8" x14ac:dyDescent="0.35">
      <c r="B11" s="59" t="s">
        <v>88</v>
      </c>
      <c r="E11" s="59">
        <v>621</v>
      </c>
    </row>
    <row r="12" spans="2:8" x14ac:dyDescent="0.35">
      <c r="B12" s="59" t="s">
        <v>90</v>
      </c>
      <c r="E12" s="59">
        <v>3000</v>
      </c>
    </row>
    <row r="13" spans="2:8" x14ac:dyDescent="0.35">
      <c r="B13" s="59" t="s">
        <v>91</v>
      </c>
      <c r="E13" s="59">
        <v>1500</v>
      </c>
      <c r="H13" s="59" t="s">
        <v>92</v>
      </c>
    </row>
    <row r="14" spans="2:8" x14ac:dyDescent="0.35">
      <c r="B14" s="59" t="s">
        <v>93</v>
      </c>
      <c r="E14" s="59">
        <v>569</v>
      </c>
    </row>
    <row r="15" spans="2:8" x14ac:dyDescent="0.35">
      <c r="B15" s="59" t="s">
        <v>94</v>
      </c>
      <c r="E15" s="59">
        <v>10000</v>
      </c>
      <c r="H15" s="59" t="s">
        <v>95</v>
      </c>
    </row>
    <row r="17" spans="2:7" x14ac:dyDescent="0.35">
      <c r="F17" s="61">
        <f>SUM(E10:E16)</f>
        <v>57690</v>
      </c>
    </row>
    <row r="19" spans="2:7" x14ac:dyDescent="0.35">
      <c r="B19" s="60" t="s">
        <v>49</v>
      </c>
      <c r="E19" s="59">
        <v>677</v>
      </c>
    </row>
    <row r="20" spans="2:7" x14ac:dyDescent="0.35">
      <c r="F20" s="61">
        <f>E19</f>
        <v>677</v>
      </c>
    </row>
    <row r="21" spans="2:7" ht="15" thickBot="1" x14ac:dyDescent="0.4">
      <c r="B21" s="60" t="s">
        <v>50</v>
      </c>
      <c r="G21" s="62">
        <f>F17+F20</f>
        <v>58367</v>
      </c>
    </row>
    <row r="22" spans="2:7" ht="15" thickTop="1" x14ac:dyDescent="0.35"/>
  </sheetData>
  <pageMargins left="0.7" right="0.7" top="0.75" bottom="0.75" header="0.3" footer="0.3"/>
  <pageSetup paperSize="9" scale="64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21" workbookViewId="0">
      <selection activeCell="F29" sqref="F29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22" bestFit="1" customWidth="1"/>
    <col min="8" max="8" width="13.7265625" customWidth="1"/>
  </cols>
  <sheetData>
    <row r="1" spans="1:8" x14ac:dyDescent="0.35">
      <c r="B1" s="15" t="s">
        <v>11</v>
      </c>
    </row>
    <row r="3" spans="1:8" x14ac:dyDescent="0.35">
      <c r="B3" s="8"/>
    </row>
    <row r="4" spans="1:8" x14ac:dyDescent="0.35">
      <c r="B4" t="s">
        <v>52</v>
      </c>
      <c r="C4" s="36"/>
      <c r="D4" t="s">
        <v>68</v>
      </c>
      <c r="E4" s="36"/>
    </row>
    <row r="6" spans="1:8" x14ac:dyDescent="0.35">
      <c r="D6" t="s">
        <v>4</v>
      </c>
      <c r="E6" s="1">
        <f>E4-C4</f>
        <v>0</v>
      </c>
    </row>
    <row r="7" spans="1:8" x14ac:dyDescent="0.35">
      <c r="D7" t="s">
        <v>38</v>
      </c>
      <c r="E7" s="6">
        <f>IF(AND(C4=0,E4=0),0,IF(C4=0,1,IF(E4=0,-1,(E4-C4)/C4)))</f>
        <v>0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5">
      <c r="B9" s="8" t="s">
        <v>6</v>
      </c>
    </row>
    <row r="10" spans="1:8" x14ac:dyDescent="0.35">
      <c r="B10" s="19" t="s">
        <v>12</v>
      </c>
    </row>
    <row r="11" spans="1:8" x14ac:dyDescent="0.35">
      <c r="B11" s="18" t="s">
        <v>56</v>
      </c>
    </row>
    <row r="12" spans="1:8" s="3" customFormat="1" ht="26.25" customHeight="1" x14ac:dyDescent="0.35">
      <c r="B12" s="4" t="s">
        <v>69</v>
      </c>
      <c r="C12" s="4" t="s">
        <v>67</v>
      </c>
      <c r="D12" s="5" t="s">
        <v>4</v>
      </c>
      <c r="E12" s="83" t="s">
        <v>1</v>
      </c>
      <c r="F12" s="84"/>
      <c r="G12" s="71" t="s">
        <v>60</v>
      </c>
      <c r="H12" s="72" t="s">
        <v>61</v>
      </c>
    </row>
    <row r="13" spans="1:8" s="17" customFormat="1" x14ac:dyDescent="0.35">
      <c r="A13" s="16"/>
      <c r="B13" s="13"/>
      <c r="C13" s="13"/>
      <c r="D13" s="13">
        <f>C13-B13</f>
        <v>0</v>
      </c>
      <c r="E13" s="86"/>
      <c r="F13" s="87"/>
      <c r="G13" s="16"/>
    </row>
    <row r="14" spans="1:8" s="11" customFormat="1" x14ac:dyDescent="0.35">
      <c r="B14" s="12"/>
      <c r="C14" s="12"/>
      <c r="D14" s="13">
        <f t="shared" ref="D14:D27" si="0">C14-B14</f>
        <v>0</v>
      </c>
      <c r="E14" s="81"/>
      <c r="F14" s="82"/>
    </row>
    <row r="15" spans="1:8" s="11" customFormat="1" x14ac:dyDescent="0.35">
      <c r="B15" s="12"/>
      <c r="C15" s="12"/>
      <c r="D15" s="13">
        <f t="shared" si="0"/>
        <v>0</v>
      </c>
      <c r="E15" s="81"/>
      <c r="F15" s="82"/>
    </row>
    <row r="16" spans="1:8" s="11" customFormat="1" x14ac:dyDescent="0.35">
      <c r="B16" s="12"/>
      <c r="C16" s="12"/>
      <c r="D16" s="13">
        <f t="shared" si="0"/>
        <v>0</v>
      </c>
      <c r="E16" s="81"/>
      <c r="F16" s="82"/>
    </row>
    <row r="17" spans="1:12" s="11" customFormat="1" x14ac:dyDescent="0.35">
      <c r="B17" s="12"/>
      <c r="C17" s="12"/>
      <c r="D17" s="13">
        <f t="shared" si="0"/>
        <v>0</v>
      </c>
      <c r="E17" s="81"/>
      <c r="F17" s="82"/>
    </row>
    <row r="18" spans="1:12" s="11" customFormat="1" x14ac:dyDescent="0.35">
      <c r="B18" s="12"/>
      <c r="C18" s="12"/>
      <c r="D18" s="13">
        <f t="shared" si="0"/>
        <v>0</v>
      </c>
      <c r="E18" s="81"/>
      <c r="F18" s="82"/>
      <c r="L18" s="20"/>
    </row>
    <row r="19" spans="1:12" s="11" customFormat="1" x14ac:dyDescent="0.35">
      <c r="B19" s="12"/>
      <c r="C19" s="12"/>
      <c r="D19" s="13">
        <f t="shared" si="0"/>
        <v>0</v>
      </c>
      <c r="E19" s="81"/>
      <c r="F19" s="82"/>
    </row>
    <row r="20" spans="1:12" s="11" customFormat="1" x14ac:dyDescent="0.35">
      <c r="B20" s="12"/>
      <c r="C20" s="12"/>
      <c r="D20" s="13">
        <f t="shared" si="0"/>
        <v>0</v>
      </c>
      <c r="E20" s="81"/>
      <c r="F20" s="82"/>
    </row>
    <row r="21" spans="1:12" s="11" customFormat="1" x14ac:dyDescent="0.35">
      <c r="B21" s="12"/>
      <c r="C21" s="12"/>
      <c r="D21" s="13">
        <f t="shared" si="0"/>
        <v>0</v>
      </c>
      <c r="E21" s="81"/>
      <c r="F21" s="82"/>
    </row>
    <row r="22" spans="1:12" s="11" customFormat="1" x14ac:dyDescent="0.35">
      <c r="B22" s="12"/>
      <c r="C22" s="12"/>
      <c r="D22" s="13">
        <f t="shared" si="0"/>
        <v>0</v>
      </c>
      <c r="E22" s="81"/>
      <c r="F22" s="82"/>
    </row>
    <row r="23" spans="1:12" s="11" customFormat="1" x14ac:dyDescent="0.35">
      <c r="B23" s="12"/>
      <c r="C23" s="12"/>
      <c r="D23" s="13">
        <f t="shared" si="0"/>
        <v>0</v>
      </c>
      <c r="E23" s="81"/>
      <c r="F23" s="82"/>
    </row>
    <row r="24" spans="1:12" s="11" customFormat="1" x14ac:dyDescent="0.35">
      <c r="B24" s="12"/>
      <c r="C24" s="12"/>
      <c r="D24" s="13">
        <f t="shared" si="0"/>
        <v>0</v>
      </c>
      <c r="E24" s="81"/>
      <c r="F24" s="82"/>
    </row>
    <row r="25" spans="1:12" s="11" customFormat="1" x14ac:dyDescent="0.35">
      <c r="B25" s="12"/>
      <c r="C25" s="12"/>
      <c r="D25" s="13">
        <f t="shared" si="0"/>
        <v>0</v>
      </c>
      <c r="E25" s="81"/>
      <c r="F25" s="82"/>
    </row>
    <row r="26" spans="1:12" s="11" customFormat="1" x14ac:dyDescent="0.35">
      <c r="B26" s="12"/>
      <c r="C26" s="12"/>
      <c r="D26" s="13">
        <f t="shared" si="0"/>
        <v>0</v>
      </c>
      <c r="E26" s="81"/>
      <c r="F26" s="82"/>
    </row>
    <row r="27" spans="1:12" s="11" customFormat="1" x14ac:dyDescent="0.35">
      <c r="B27" s="12"/>
      <c r="C27" s="12"/>
      <c r="D27" s="13">
        <f t="shared" si="0"/>
        <v>0</v>
      </c>
      <c r="E27" s="81"/>
      <c r="F27" s="82"/>
    </row>
    <row r="28" spans="1:12" x14ac:dyDescent="0.3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5"/>
      <c r="F28" s="82"/>
      <c r="G28" s="7"/>
    </row>
    <row r="29" spans="1:12" x14ac:dyDescent="0.35">
      <c r="H29" s="2"/>
    </row>
    <row r="30" spans="1:12" x14ac:dyDescent="0.35">
      <c r="A30" s="14" t="s">
        <v>5</v>
      </c>
      <c r="F30" s="7"/>
    </row>
    <row r="32" spans="1:12" x14ac:dyDescent="0.35">
      <c r="B32" s="18" t="s">
        <v>57</v>
      </c>
    </row>
    <row r="33" spans="1:8" x14ac:dyDescent="0.35">
      <c r="B33" t="s">
        <v>62</v>
      </c>
    </row>
    <row r="34" spans="1:8" x14ac:dyDescent="0.35">
      <c r="B34" t="s">
        <v>52</v>
      </c>
      <c r="C34" s="36">
        <f>'Accounting Statement'!C45</f>
        <v>0</v>
      </c>
      <c r="D34" t="s">
        <v>68</v>
      </c>
      <c r="E34" s="36">
        <f>'Accounting Statement'!D45</f>
        <v>0</v>
      </c>
    </row>
    <row r="36" spans="1:8" ht="29" x14ac:dyDescent="0.35">
      <c r="A36" s="3"/>
      <c r="B36" s="4" t="s">
        <v>53</v>
      </c>
      <c r="C36" s="4" t="s">
        <v>67</v>
      </c>
      <c r="D36" s="5" t="s">
        <v>4</v>
      </c>
      <c r="E36" s="83" t="s">
        <v>1</v>
      </c>
      <c r="F36" s="84"/>
      <c r="G36" s="71" t="s">
        <v>60</v>
      </c>
      <c r="H36" s="72" t="s">
        <v>61</v>
      </c>
    </row>
    <row r="37" spans="1:8" x14ac:dyDescent="0.35">
      <c r="A37" s="16"/>
      <c r="B37" s="13"/>
      <c r="C37" s="13"/>
      <c r="D37" s="13">
        <f>C37-B37</f>
        <v>0</v>
      </c>
      <c r="E37" s="86"/>
      <c r="F37" s="87"/>
      <c r="G37" s="16"/>
      <c r="H37" s="17"/>
    </row>
    <row r="38" spans="1:8" x14ac:dyDescent="0.35">
      <c r="A38" s="11"/>
      <c r="B38" s="12"/>
      <c r="C38" s="12"/>
      <c r="D38" s="13">
        <f t="shared" ref="D38:D39" si="1">C38-B38</f>
        <v>0</v>
      </c>
      <c r="E38" s="81"/>
      <c r="F38" s="82"/>
      <c r="G38" s="11"/>
      <c r="H38" s="11"/>
    </row>
    <row r="39" spans="1:8" x14ac:dyDescent="0.35">
      <c r="A39" s="11"/>
      <c r="B39" s="12"/>
      <c r="C39" s="12"/>
      <c r="D39" s="13">
        <f t="shared" si="1"/>
        <v>0</v>
      </c>
      <c r="E39" s="81"/>
      <c r="F39" s="82"/>
      <c r="G39" s="11"/>
      <c r="H39" s="11"/>
    </row>
    <row r="40" spans="1:8" x14ac:dyDescent="0.35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5"/>
      <c r="F40" s="82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F7" sqref="F7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13</v>
      </c>
    </row>
    <row r="3" spans="1:7" x14ac:dyDescent="0.35">
      <c r="B3" s="8"/>
    </row>
    <row r="4" spans="1:7" x14ac:dyDescent="0.35">
      <c r="B4" t="s">
        <v>52</v>
      </c>
      <c r="C4" s="36">
        <f>'Accounting Statement'!C17</f>
        <v>19230</v>
      </c>
      <c r="D4" t="s">
        <v>68</v>
      </c>
      <c r="E4" s="36">
        <f>'Accounting Statement'!D17</f>
        <v>16327</v>
      </c>
    </row>
    <row r="6" spans="1:7" x14ac:dyDescent="0.35">
      <c r="D6" t="s">
        <v>4</v>
      </c>
      <c r="E6" s="1">
        <f>C4-E4</f>
        <v>2903</v>
      </c>
    </row>
    <row r="7" spans="1:7" x14ac:dyDescent="0.35">
      <c r="E7" s="6">
        <f>IF(AND(C4=0,E4=0),0,IF(C4=0,1,IF(E4=0,-1,(E4-C4)/C4)))</f>
        <v>-0.15096203848153927</v>
      </c>
      <c r="F7" t="str">
        <f>IF(D12&lt;-0.15,"yes explain",IF(D12&gt;0.15,"Yes explain","No explanation required"))</f>
        <v>yes explain</v>
      </c>
    </row>
    <row r="9" spans="1:7" x14ac:dyDescent="0.35">
      <c r="B9" s="8" t="s">
        <v>6</v>
      </c>
    </row>
    <row r="10" spans="1:7" x14ac:dyDescent="0.35">
      <c r="B10" s="18" t="s">
        <v>58</v>
      </c>
    </row>
    <row r="11" spans="1:7" s="3" customFormat="1" ht="26.5" x14ac:dyDescent="0.35">
      <c r="B11" s="4" t="s">
        <v>53</v>
      </c>
      <c r="C11" s="4" t="s">
        <v>67</v>
      </c>
      <c r="D11" s="5" t="s">
        <v>4</v>
      </c>
      <c r="E11" s="83" t="s">
        <v>1</v>
      </c>
      <c r="F11" s="84"/>
    </row>
    <row r="12" spans="1:7" s="17" customFormat="1" x14ac:dyDescent="0.35">
      <c r="A12" s="16"/>
      <c r="B12" s="13">
        <v>19230</v>
      </c>
      <c r="C12" s="13">
        <v>16327</v>
      </c>
      <c r="D12" s="13">
        <f>C12-B12</f>
        <v>-2903</v>
      </c>
      <c r="E12" s="86" t="s">
        <v>70</v>
      </c>
      <c r="F12" s="87"/>
      <c r="G12" s="16"/>
    </row>
    <row r="13" spans="1:7" s="11" customFormat="1" x14ac:dyDescent="0.35">
      <c r="B13" s="12"/>
      <c r="C13" s="12"/>
      <c r="D13" s="13">
        <f t="shared" ref="D13:D18" si="0">C13-B13</f>
        <v>0</v>
      </c>
      <c r="E13" s="81"/>
      <c r="F13" s="82"/>
    </row>
    <row r="14" spans="1:7" s="11" customFormat="1" x14ac:dyDescent="0.35">
      <c r="B14" s="12"/>
      <c r="C14" s="12"/>
      <c r="D14" s="13">
        <f t="shared" si="0"/>
        <v>0</v>
      </c>
      <c r="E14" s="81"/>
      <c r="F14" s="82"/>
    </row>
    <row r="15" spans="1:7" s="11" customFormat="1" x14ac:dyDescent="0.35">
      <c r="B15" s="12"/>
      <c r="C15" s="12"/>
      <c r="D15" s="13">
        <f t="shared" si="0"/>
        <v>0</v>
      </c>
      <c r="E15" s="81"/>
      <c r="F15" s="82"/>
    </row>
    <row r="16" spans="1:7" s="11" customFormat="1" x14ac:dyDescent="0.35">
      <c r="B16" s="12"/>
      <c r="C16" s="12"/>
      <c r="D16" s="13">
        <f t="shared" si="0"/>
        <v>0</v>
      </c>
      <c r="E16" s="81"/>
      <c r="F16" s="82"/>
    </row>
    <row r="17" spans="1:8" s="11" customFormat="1" x14ac:dyDescent="0.35">
      <c r="B17" s="12"/>
      <c r="C17" s="12"/>
      <c r="D17" s="13">
        <f t="shared" si="0"/>
        <v>0</v>
      </c>
      <c r="E17" s="81"/>
      <c r="F17" s="82"/>
    </row>
    <row r="18" spans="1:8" s="11" customFormat="1" x14ac:dyDescent="0.35">
      <c r="B18" s="12"/>
      <c r="C18" s="12"/>
      <c r="D18" s="13">
        <f t="shared" si="0"/>
        <v>0</v>
      </c>
      <c r="E18" s="81"/>
      <c r="F18" s="82"/>
    </row>
    <row r="19" spans="1:8" x14ac:dyDescent="0.35">
      <c r="A19" s="9" t="s">
        <v>0</v>
      </c>
      <c r="B19" s="10">
        <f>SUM(B12:B18)</f>
        <v>19230</v>
      </c>
      <c r="C19" s="10">
        <f>SUM(C12:C18)</f>
        <v>16327</v>
      </c>
      <c r="D19" s="10">
        <f>SUM(D12:D18)</f>
        <v>-2903</v>
      </c>
      <c r="E19" s="85"/>
      <c r="F19" s="82"/>
      <c r="G19" s="7"/>
    </row>
    <row r="20" spans="1:8" x14ac:dyDescent="0.35">
      <c r="H20" s="2"/>
    </row>
    <row r="21" spans="1:8" x14ac:dyDescent="0.35">
      <c r="F21" s="7"/>
    </row>
    <row r="22" spans="1:8" x14ac:dyDescent="0.35">
      <c r="A22" s="14" t="s">
        <v>5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orientation="landscape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Jocelyn Jenkins</cp:lastModifiedBy>
  <cp:lastPrinted>2025-05-14T09:41:38Z</cp:lastPrinted>
  <dcterms:created xsi:type="dcterms:W3CDTF">2023-03-10T09:35:56Z</dcterms:created>
  <dcterms:modified xsi:type="dcterms:W3CDTF">2025-06-03T09:47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